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8"/>
  </p:notesMasterIdLst>
  <p:handoutMasterIdLst>
    <p:handoutMasterId r:id="rId9"/>
  </p:handoutMasterIdLst>
  <p:sldIdLst>
    <p:sldId id="262" r:id="rId5"/>
    <p:sldId id="263" r:id="rId6"/>
    <p:sldId id="260" r:id="rId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ACFE8"/>
    <a:srgbClr val="6292CC"/>
    <a:srgbClr val="A6A6A6"/>
    <a:srgbClr val="9B9B9B"/>
    <a:srgbClr val="9AB9DE"/>
    <a:srgbClr val="949494"/>
    <a:srgbClr val="10DE00"/>
    <a:srgbClr val="D3FFC7"/>
    <a:srgbClr val="D45C02"/>
    <a:srgbClr val="F0B28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2EB5F59-6BAF-4F09-B6E4-8D5D7D126F55}" v="9" vWet="13" dt="2023-02-21T19:25:22.680"/>
    <p1510:client id="{6DD5A6E8-DBC0-9644-BD63-4AB8DEB760A1}" v="145" dt="2023-02-21T19:38:08.51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76" d="100"/>
          <a:sy n="76" d="100"/>
        </p:scale>
        <p:origin x="43" y="6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handoutMaster" Target="handoutMasters/handoutMaster1.xml"/><Relationship Id="rId14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3284A06D-8CB5-4B3A-A3E2-C90773A7802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BCC23B1-E8E0-49E4-AC14-B867FD09BC2C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6D716FB-5E04-4D98-9913-AA4CB0181CE4}" type="datetimeFigureOut">
              <a:rPr lang="en-US" smtClean="0"/>
              <a:t>3/23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F352BD-D721-45F5-8760-CA4E77DDDFE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01F23D4-88DA-4542-99E6-7E670733423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18A065-D35E-4B13-8CE4-4628262E851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74407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885592A-CE7F-4296-BA07-797B8BCBCD68}" type="datetimeFigureOut">
              <a:rPr lang="en-US" smtClean="0"/>
              <a:t>3/23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313282B-5406-4D18-83F8-88BC3E127D5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98285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3/23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3/23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altLang="zh-CN"/>
              <a:t>Click to edit Master text styles</a:t>
            </a:r>
          </a:p>
          <a:p>
            <a:pPr lvl="1"/>
            <a:r>
              <a:rPr lang="en-US" altLang="zh-CN"/>
              <a:t>Second level</a:t>
            </a:r>
          </a:p>
          <a:p>
            <a:pPr lvl="2"/>
            <a:r>
              <a:rPr lang="en-US" altLang="zh-CN"/>
              <a:t>Third level</a:t>
            </a:r>
          </a:p>
          <a:p>
            <a:pPr lvl="3"/>
            <a:r>
              <a:rPr lang="en-US" altLang="zh-CN"/>
              <a:t>Fourth level</a:t>
            </a:r>
          </a:p>
          <a:p>
            <a:pPr lvl="4"/>
            <a:r>
              <a:rPr lang="en-US" altLang="zh-CN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E721D8-F2E8-4CA0-B0BB-2E7F3B7ABD33}" type="datetimeFigureOut">
              <a:rPr lang="en-US" smtClean="0"/>
              <a:pPr/>
              <a:t>3/23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5" r:id="rId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slideLayout" Target="../slideLayouts/slideLayout1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6" name="Table 35">
            <a:extLst>
              <a:ext uri="{FF2B5EF4-FFF2-40B4-BE49-F238E27FC236}">
                <a16:creationId xmlns:a16="http://schemas.microsoft.com/office/drawing/2014/main" id="{6B713E10-0068-234C-8B16-F537A4786AB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352968"/>
              </p:ext>
            </p:extLst>
          </p:nvPr>
        </p:nvGraphicFramePr>
        <p:xfrm>
          <a:off x="335361" y="124985"/>
          <a:ext cx="11413264" cy="39123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3514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10818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108182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108182">
                  <a:extLst>
                    <a:ext uri="{9D8B030D-6E8A-4147-A177-3AD203B41FA5}">
                      <a16:colId xmlns:a16="http://schemas.microsoft.com/office/drawing/2014/main" val="1242637921"/>
                    </a:ext>
                  </a:extLst>
                </a:gridCol>
                <a:gridCol w="2253575">
                  <a:extLst>
                    <a:ext uri="{9D8B030D-6E8A-4147-A177-3AD203B41FA5}">
                      <a16:colId xmlns:a16="http://schemas.microsoft.com/office/drawing/2014/main" val="3381644749"/>
                    </a:ext>
                  </a:extLst>
                </a:gridCol>
              </a:tblGrid>
              <a:tr h="360000">
                <a:tc>
                  <a:txBody>
                    <a:bodyPr/>
                    <a:lstStyle/>
                    <a:p>
                      <a:pPr algn="ctr"/>
                      <a:r>
                        <a:rPr lang="en-US" sz="1900" b="1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s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Feb</a:t>
                      </a:r>
                      <a:endParaRPr lang="en-US" sz="1900" b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r</a:t>
                      </a:r>
                      <a:endParaRPr lang="en-US" sz="1900" b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</a:t>
                      </a:r>
                      <a:endParaRPr lang="en-US" sz="1900" b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y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214798"/>
              </p:ext>
            </p:extLst>
          </p:nvPr>
        </p:nvGraphicFramePr>
        <p:xfrm>
          <a:off x="335360" y="524398"/>
          <a:ext cx="15523388" cy="4491656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390669">
                  <a:extLst>
                    <a:ext uri="{9D8B030D-6E8A-4147-A177-3AD203B41FA5}">
                      <a16:colId xmlns:a16="http://schemas.microsoft.com/office/drawing/2014/main" val="4092336196"/>
                    </a:ext>
                  </a:extLst>
                </a:gridCol>
                <a:gridCol w="314387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89992">
                  <a:extLst>
                    <a:ext uri="{9D8B030D-6E8A-4147-A177-3AD203B41FA5}">
                      <a16:colId xmlns:a16="http://schemas.microsoft.com/office/drawing/2014/main" val="3412869242"/>
                    </a:ext>
                  </a:extLst>
                </a:gridCol>
                <a:gridCol w="25286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6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No.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200" b="0" i="0">
                          <a:solidFill>
                            <a:srgbClr val="1F497D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 </a:t>
                      </a:r>
                      <a:r>
                        <a:rPr lang="en-US" sz="12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 Name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2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 Responsibilitie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</a:t>
                      </a:r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7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8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9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0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Literature Review &amp; Training Sess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utual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2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n automatic data acquisition demo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utual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236812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lvl="0"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3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vl="0"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 well-documented SyntheX repo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vl="0"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iaming Zhang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671996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4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tegrate all packages into a sole package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utua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5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nstruct a data exchange channe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6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n automatic pipeline for data acquisition, training, and 2D/3D registr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962823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7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imulate the scene of projective visualization in unity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392659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8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phantom and write a report about the valid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74916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9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 software with user-friendly GUI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0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mprove robustness and have a debug log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1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cadaveric and write a report about the valid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2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ixed Reality Visualiz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 dirty="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39" name="Rounded Rectangle 38"/>
          <p:cNvSpPr/>
          <p:nvPr/>
        </p:nvSpPr>
        <p:spPr>
          <a:xfrm>
            <a:off x="5652694" y="960325"/>
            <a:ext cx="532948" cy="184666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9" name="Rounded Rectangle 48"/>
          <p:cNvSpPr/>
          <p:nvPr/>
        </p:nvSpPr>
        <p:spPr>
          <a:xfrm>
            <a:off x="5960452" y="1268664"/>
            <a:ext cx="1514669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3" name="Flowchart: Decision 3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832304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4" name="Flowchart: Decision 3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9225461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3" name="OTLSHAPE_SLT_5b87359c2c954ae4906972a3b70de9e6_JoinedDate">
            <a:extLst>
              <a:ext uri="{FF2B5EF4-FFF2-40B4-BE49-F238E27FC236}">
                <a16:creationId xmlns:a16="http://schemas.microsoft.com/office/drawing/2014/main" id="{EED41BB8-77A8-479B-181C-986260347E98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5978336" y="973276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6 - Feb 9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4" name="OTLSHAPE_SLT_5b87359c2c954ae4906972a3b70de9e6_JoinedDate">
            <a:extLst>
              <a:ext uri="{FF2B5EF4-FFF2-40B4-BE49-F238E27FC236}">
                <a16:creationId xmlns:a16="http://schemas.microsoft.com/office/drawing/2014/main" id="{12300E98-181F-A9D9-84F5-B69C18EBE8B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456696" y="1332885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8 - Feb 21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5" name="Star: 4 Points 14">
            <a:extLst>
              <a:ext uri="{FF2B5EF4-FFF2-40B4-BE49-F238E27FC236}">
                <a16:creationId xmlns:a16="http://schemas.microsoft.com/office/drawing/2014/main" id="{54612C87-A8FA-BED2-8488-CF2BB6799355}"/>
              </a:ext>
            </a:extLst>
          </p:cNvPr>
          <p:cNvSpPr/>
          <p:nvPr/>
        </p:nvSpPr>
        <p:spPr>
          <a:xfrm>
            <a:off x="7689055" y="1628704"/>
            <a:ext cx="183684" cy="189242"/>
          </a:xfrm>
          <a:prstGeom prst="star4">
            <a:avLst>
              <a:gd name="adj" fmla="val 14625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6" name="OTLSHAPE_SLT_5b87359c2c954ae4906972a3b70de9e6_JoinedDate">
            <a:extLst>
              <a:ext uri="{FF2B5EF4-FFF2-40B4-BE49-F238E27FC236}">
                <a16:creationId xmlns:a16="http://schemas.microsoft.com/office/drawing/2014/main" id="{1F95B34A-BFD1-B601-03CB-DC0B78F49F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7861329" y="1628704"/>
            <a:ext cx="947514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1 - Mar 6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0" name="Rounded Rectangle 48">
            <a:extLst>
              <a:ext uri="{FF2B5EF4-FFF2-40B4-BE49-F238E27FC236}">
                <a16:creationId xmlns:a16="http://schemas.microsoft.com/office/drawing/2014/main" id="{BB3EB05B-C22F-99CE-E4FB-24A0FD174A1C}"/>
              </a:ext>
            </a:extLst>
          </p:cNvPr>
          <p:cNvSpPr/>
          <p:nvPr/>
        </p:nvSpPr>
        <p:spPr>
          <a:xfrm>
            <a:off x="5850909" y="2328998"/>
            <a:ext cx="1282981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1" name="OTLSHAPE_SLT_5b87359c2c954ae4906972a3b70de9e6_JoinedDate">
            <a:extLst>
              <a:ext uri="{FF2B5EF4-FFF2-40B4-BE49-F238E27FC236}">
                <a16:creationId xmlns:a16="http://schemas.microsoft.com/office/drawing/2014/main" id="{DE389BC2-51DA-C801-BEC0-684CDF15E7C5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7014830" y="232899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3 – Mar 27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2" name="Rounded Rectangle 48">
            <a:extLst>
              <a:ext uri="{FF2B5EF4-FFF2-40B4-BE49-F238E27FC236}">
                <a16:creationId xmlns:a16="http://schemas.microsoft.com/office/drawing/2014/main" id="{E5983DB5-CFC9-66D0-A297-6237E980274F}"/>
              </a:ext>
            </a:extLst>
          </p:cNvPr>
          <p:cNvSpPr/>
          <p:nvPr/>
        </p:nvSpPr>
        <p:spPr>
          <a:xfrm>
            <a:off x="7309183" y="1977252"/>
            <a:ext cx="1872208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3" name="OTLSHAPE_SLT_5b87359c2c954ae4906972a3b70de9e6_JoinedDate">
            <a:extLst>
              <a:ext uri="{FF2B5EF4-FFF2-40B4-BE49-F238E27FC236}">
                <a16:creationId xmlns:a16="http://schemas.microsoft.com/office/drawing/2014/main" id="{F939EABD-EADE-AB49-FD8C-AC915C71860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9422749" y="1991881"/>
            <a:ext cx="994949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 – Mar 23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4" name="Rounded Rectangle 48">
            <a:extLst>
              <a:ext uri="{FF2B5EF4-FFF2-40B4-BE49-F238E27FC236}">
                <a16:creationId xmlns:a16="http://schemas.microsoft.com/office/drawing/2014/main" id="{BFB7E36A-9AE3-5350-101B-A176AA8782F8}"/>
              </a:ext>
            </a:extLst>
          </p:cNvPr>
          <p:cNvSpPr/>
          <p:nvPr/>
        </p:nvSpPr>
        <p:spPr>
          <a:xfrm>
            <a:off x="5572161" y="1627113"/>
            <a:ext cx="2018455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51" name="Group 50">
            <a:extLst>
              <a:ext uri="{FF2B5EF4-FFF2-40B4-BE49-F238E27FC236}">
                <a16:creationId xmlns:a16="http://schemas.microsoft.com/office/drawing/2014/main" id="{AA5070D7-7FF2-5CCD-0EA4-8F4FC26F50A6}"/>
              </a:ext>
            </a:extLst>
          </p:cNvPr>
          <p:cNvGrpSpPr/>
          <p:nvPr/>
        </p:nvGrpSpPr>
        <p:grpSpPr>
          <a:xfrm>
            <a:off x="7291815" y="3864203"/>
            <a:ext cx="2734201" cy="197149"/>
            <a:chOff x="7317974" y="3834622"/>
            <a:chExt cx="2734201" cy="197149"/>
          </a:xfrm>
        </p:grpSpPr>
        <p:sp>
          <p:nvSpPr>
            <p:cNvPr id="27" name="Rounded Rectangle 48">
              <a:extLst>
                <a:ext uri="{FF2B5EF4-FFF2-40B4-BE49-F238E27FC236}">
                  <a16:creationId xmlns:a16="http://schemas.microsoft.com/office/drawing/2014/main" id="{5241C950-FF83-065A-087D-B7D1D24E3DE1}"/>
                </a:ext>
              </a:extLst>
            </p:cNvPr>
            <p:cNvSpPr/>
            <p:nvPr/>
          </p:nvSpPr>
          <p:spPr>
            <a:xfrm>
              <a:off x="7317974" y="3840929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8" name="OTLSHAPE_SLT_5b87359c2c954ae4906972a3b70de9e6_JoinedDate">
              <a:extLst>
                <a:ext uri="{FF2B5EF4-FFF2-40B4-BE49-F238E27FC236}">
                  <a16:creationId xmlns:a16="http://schemas.microsoft.com/office/drawing/2014/main" id="{2F9F722C-C0DB-3AB3-AD9B-77FEF2A00BB2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994738" y="3834622"/>
              <a:ext cx="1057437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 – Apr 15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FA1FA5E9-7842-2849-FA53-AC5BFCD81491}"/>
              </a:ext>
            </a:extLst>
          </p:cNvPr>
          <p:cNvGrpSpPr/>
          <p:nvPr/>
        </p:nvGrpSpPr>
        <p:grpSpPr>
          <a:xfrm>
            <a:off x="8680548" y="4230089"/>
            <a:ext cx="1787037" cy="190842"/>
            <a:chOff x="8706707" y="4200508"/>
            <a:chExt cx="1787037" cy="190842"/>
          </a:xfrm>
        </p:grpSpPr>
        <p:sp>
          <p:nvSpPr>
            <p:cNvPr id="29" name="Rounded Rectangle 48">
              <a:extLst>
                <a:ext uri="{FF2B5EF4-FFF2-40B4-BE49-F238E27FC236}">
                  <a16:creationId xmlns:a16="http://schemas.microsoft.com/office/drawing/2014/main" id="{A8CA9680-8ED6-EA60-BD43-5491876377A4}"/>
                </a:ext>
              </a:extLst>
            </p:cNvPr>
            <p:cNvSpPr/>
            <p:nvPr/>
          </p:nvSpPr>
          <p:spPr>
            <a:xfrm>
              <a:off x="8706707" y="4200508"/>
              <a:ext cx="504056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0" name="OTLSHAPE_SLT_5b87359c2c954ae4906972a3b70de9e6_JoinedDate">
              <a:extLst>
                <a:ext uri="{FF2B5EF4-FFF2-40B4-BE49-F238E27FC236}">
                  <a16:creationId xmlns:a16="http://schemas.microsoft.com/office/drawing/2014/main" id="{999B27BA-EC60-E1A2-DBE6-DF3F3A1502FD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9210763" y="4200508"/>
              <a:ext cx="1282981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3 – Apr 17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E6CCA144-BFD4-FDF2-6EC9-A979E5A8A30A}"/>
              </a:ext>
            </a:extLst>
          </p:cNvPr>
          <p:cNvGrpSpPr/>
          <p:nvPr/>
        </p:nvGrpSpPr>
        <p:grpSpPr>
          <a:xfrm>
            <a:off x="8984787" y="4589188"/>
            <a:ext cx="2048107" cy="191322"/>
            <a:chOff x="9010946" y="4559607"/>
            <a:chExt cx="2048107" cy="191322"/>
          </a:xfrm>
        </p:grpSpPr>
        <p:sp>
          <p:nvSpPr>
            <p:cNvPr id="31" name="Rounded Rectangle 48">
              <a:extLst>
                <a:ext uri="{FF2B5EF4-FFF2-40B4-BE49-F238E27FC236}">
                  <a16:creationId xmlns:a16="http://schemas.microsoft.com/office/drawing/2014/main" id="{F75872B3-53C9-71CF-141F-042C4AD1533E}"/>
                </a:ext>
              </a:extLst>
            </p:cNvPr>
            <p:cNvSpPr/>
            <p:nvPr/>
          </p:nvSpPr>
          <p:spPr>
            <a:xfrm>
              <a:off x="9010946" y="4560087"/>
              <a:ext cx="648071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2" name="OTLSHAPE_SLT_5b87359c2c954ae4906972a3b70de9e6_JoinedDate">
              <a:extLst>
                <a:ext uri="{FF2B5EF4-FFF2-40B4-BE49-F238E27FC236}">
                  <a16:creationId xmlns:a16="http://schemas.microsoft.com/office/drawing/2014/main" id="{22BA6371-C6E0-7E49-E00E-1537BC266F6E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10022208" y="4574716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8 – Apr 25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3" name="Star: 4 Points 32">
              <a:extLst>
                <a:ext uri="{FF2B5EF4-FFF2-40B4-BE49-F238E27FC236}">
                  <a16:creationId xmlns:a16="http://schemas.microsoft.com/office/drawing/2014/main" id="{2A4EF71C-8DC9-B38E-C984-7A0325164A73}"/>
                </a:ext>
              </a:extLst>
            </p:cNvPr>
            <p:cNvSpPr/>
            <p:nvPr/>
          </p:nvSpPr>
          <p:spPr>
            <a:xfrm>
              <a:off x="9762699" y="4559607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F67C9BFB-8686-D70F-3BA5-6979B7B325DF}"/>
              </a:ext>
            </a:extLst>
          </p:cNvPr>
          <p:cNvGrpSpPr/>
          <p:nvPr/>
        </p:nvGrpSpPr>
        <p:grpSpPr>
          <a:xfrm>
            <a:off x="7178257" y="3482688"/>
            <a:ext cx="2156606" cy="197256"/>
            <a:chOff x="7204416" y="3453107"/>
            <a:chExt cx="2156606" cy="197256"/>
          </a:xfrm>
        </p:grpSpPr>
        <p:sp>
          <p:nvSpPr>
            <p:cNvPr id="25" name="Star: 4 Points 24">
              <a:extLst>
                <a:ext uri="{FF2B5EF4-FFF2-40B4-BE49-F238E27FC236}">
                  <a16:creationId xmlns:a16="http://schemas.microsoft.com/office/drawing/2014/main" id="{28025BD7-ECEB-687F-B605-C9D4D1990D05}"/>
                </a:ext>
              </a:extLst>
            </p:cNvPr>
            <p:cNvSpPr/>
            <p:nvPr/>
          </p:nvSpPr>
          <p:spPr>
            <a:xfrm>
              <a:off x="8023790" y="3461121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6" name="OTLSHAPE_SLT_5b87359c2c954ae4906972a3b70de9e6_JoinedDate">
              <a:extLst>
                <a:ext uri="{FF2B5EF4-FFF2-40B4-BE49-F238E27FC236}">
                  <a16:creationId xmlns:a16="http://schemas.microsoft.com/office/drawing/2014/main" id="{D7D5C0E7-E95A-3B01-36E9-51AABD4FD3C3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8366073" y="3459941"/>
              <a:ext cx="994949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Mar 31 – Apr 4 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8" name="Rounded Rectangle 48">
              <a:extLst>
                <a:ext uri="{FF2B5EF4-FFF2-40B4-BE49-F238E27FC236}">
                  <a16:creationId xmlns:a16="http://schemas.microsoft.com/office/drawing/2014/main" id="{CD5737A8-7E1F-B419-8B2D-2A2D571BE8E8}"/>
                </a:ext>
              </a:extLst>
            </p:cNvPr>
            <p:cNvSpPr/>
            <p:nvPr/>
          </p:nvSpPr>
          <p:spPr>
            <a:xfrm>
              <a:off x="7204416" y="3453107"/>
              <a:ext cx="717971" cy="190842"/>
            </a:xfrm>
            <a:prstGeom prst="roundRect">
              <a:avLst>
                <a:gd name="adj" fmla="val 48717"/>
              </a:avLst>
            </a:prstGeom>
            <a:solidFill>
              <a:schemeClr val="accent2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40" name="Rounded Rectangle 48">
            <a:extLst>
              <a:ext uri="{FF2B5EF4-FFF2-40B4-BE49-F238E27FC236}">
                <a16:creationId xmlns:a16="http://schemas.microsoft.com/office/drawing/2014/main" id="{B45D20C6-0E21-C7BA-7BE3-E9489A540E60}"/>
              </a:ext>
            </a:extLst>
          </p:cNvPr>
          <p:cNvSpPr/>
          <p:nvPr/>
        </p:nvSpPr>
        <p:spPr>
          <a:xfrm>
            <a:off x="6617385" y="2680648"/>
            <a:ext cx="516505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2" name="OTLSHAPE_SLT_5b87359c2c954ae4906972a3b70de9e6_JoinedDate">
            <a:extLst>
              <a:ext uri="{FF2B5EF4-FFF2-40B4-BE49-F238E27FC236}">
                <a16:creationId xmlns:a16="http://schemas.microsoft.com/office/drawing/2014/main" id="{EC30EF55-B43D-2FC5-D242-E62FD2C46E9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133890" y="268064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0 – Mar 27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60" name="Group 59">
            <a:extLst>
              <a:ext uri="{FF2B5EF4-FFF2-40B4-BE49-F238E27FC236}">
                <a16:creationId xmlns:a16="http://schemas.microsoft.com/office/drawing/2014/main" id="{FE3B5BB1-BCD4-7F7B-4876-2376B8370A3B}"/>
              </a:ext>
            </a:extLst>
          </p:cNvPr>
          <p:cNvGrpSpPr/>
          <p:nvPr/>
        </p:nvGrpSpPr>
        <p:grpSpPr>
          <a:xfrm>
            <a:off x="9544643" y="5005188"/>
            <a:ext cx="1676764" cy="190842"/>
            <a:chOff x="9570802" y="4975607"/>
            <a:chExt cx="1676764" cy="190842"/>
          </a:xfrm>
        </p:grpSpPr>
        <p:sp>
          <p:nvSpPr>
            <p:cNvPr id="35" name="Rounded Rectangle 48">
              <a:extLst>
                <a:ext uri="{FF2B5EF4-FFF2-40B4-BE49-F238E27FC236}">
                  <a16:creationId xmlns:a16="http://schemas.microsoft.com/office/drawing/2014/main" id="{91F15228-3583-0718-0902-0B1FD28AB152}"/>
                </a:ext>
              </a:extLst>
            </p:cNvPr>
            <p:cNvSpPr/>
            <p:nvPr/>
          </p:nvSpPr>
          <p:spPr>
            <a:xfrm>
              <a:off x="9570802" y="4975607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6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5" name="OTLSHAPE_SLT_5b87359c2c954ae4906972a3b70de9e6_JoinedDate">
              <a:extLst>
                <a:ext uri="{FF2B5EF4-FFF2-40B4-BE49-F238E27FC236}">
                  <a16:creationId xmlns:a16="http://schemas.microsoft.com/office/drawing/2014/main" id="{481E9D13-9193-ABCA-1B46-94D0C2735E04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9852253" y="4975607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25 – May 15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65" name="Rounded Rectangle 48">
            <a:extLst>
              <a:ext uri="{FF2B5EF4-FFF2-40B4-BE49-F238E27FC236}">
                <a16:creationId xmlns:a16="http://schemas.microsoft.com/office/drawing/2014/main" id="{0213E8FD-4C98-5B2D-8E83-3D183AE9E249}"/>
              </a:ext>
            </a:extLst>
          </p:cNvPr>
          <p:cNvSpPr/>
          <p:nvPr/>
        </p:nvSpPr>
        <p:spPr>
          <a:xfrm>
            <a:off x="7075289" y="3094142"/>
            <a:ext cx="258253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6" name="OTLSHAPE_SLT_5b87359c2c954ae4906972a3b70de9e6_JoinedDate">
            <a:extLst>
              <a:ext uri="{FF2B5EF4-FFF2-40B4-BE49-F238E27FC236}">
                <a16:creationId xmlns:a16="http://schemas.microsoft.com/office/drawing/2014/main" id="{897F13D1-7572-D651-5FB1-7342C72BB91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356140" y="3106705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7 – Mar 30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6B4EA9B7-08C8-A1A7-1FE2-3E3C92BB7DCF}"/>
              </a:ext>
            </a:extLst>
          </p:cNvPr>
          <p:cNvGraphicFramePr>
            <a:graphicFrameLocks noGrp="1"/>
          </p:cNvGraphicFramePr>
          <p:nvPr/>
        </p:nvGraphicFramePr>
        <p:xfrm>
          <a:off x="263352" y="116632"/>
          <a:ext cx="11305256" cy="39123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31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1242637921"/>
                    </a:ext>
                  </a:extLst>
                </a:gridCol>
                <a:gridCol w="2232248">
                  <a:extLst>
                    <a:ext uri="{9D8B030D-6E8A-4147-A177-3AD203B41FA5}">
                      <a16:colId xmlns:a16="http://schemas.microsoft.com/office/drawing/2014/main" val="3381644749"/>
                    </a:ext>
                  </a:extLst>
                </a:gridCol>
              </a:tblGrid>
              <a:tr h="360000">
                <a:tc>
                  <a:txBody>
                    <a:bodyPr/>
                    <a:lstStyle/>
                    <a:p>
                      <a:pPr algn="ctr"/>
                      <a:r>
                        <a:rPr lang="en-US" sz="19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s</a:t>
                      </a: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Feb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y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D05E3400-8C96-57E8-99FA-A653D47E261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41244420"/>
              </p:ext>
            </p:extLst>
          </p:nvPr>
        </p:nvGraphicFramePr>
        <p:xfrm>
          <a:off x="263352" y="516045"/>
          <a:ext cx="15456752" cy="552819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600" dirty="0">
                          <a:solidFill>
                            <a:srgbClr val="1F497D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</a:t>
                      </a: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7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8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9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0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00" b="1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iaming Zhang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 well-documented SyntheX repo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671996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nstruct a data exchange channe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 software with user-friendly GUI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 dirty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5064717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cadaveric and write a report about the valid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292CC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974543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b="1" kern="120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Zhangcong she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962823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mpile and test Xreg repo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74916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imulate the scene of projective visualization in unity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phantom and write a report about the valid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mprove robustness and have a debug log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 dirty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82818600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000" b="1" kern="120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Both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8174067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Literature Review &amp; Training Sess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5251247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tegrate all packages into a sole package</a:t>
                      </a:r>
                    </a:p>
                    <a:p>
                      <a:pPr marL="0" algn="ctr" defTabSz="914400" rtl="0" eaLnBrk="1" latinLnBrk="0" hangingPunct="1"/>
                      <a:endParaRPr lang="en-US" sz="800" kern="1200" dirty="0">
                        <a:solidFill>
                          <a:srgbClr val="6292CC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2202347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n automatic pipeline for data acquisition, training, and 2D/3D registr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06825451"/>
                  </a:ext>
                </a:extLst>
              </a:tr>
              <a:tr h="234863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ixed Reality Visualiz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74146416"/>
                  </a:ext>
                </a:extLst>
              </a:tr>
            </a:tbl>
          </a:graphicData>
        </a:graphic>
      </p:graphicFrame>
      <p:sp>
        <p:nvSpPr>
          <p:cNvPr id="6" name="Flowchart: Decision 36">
            <a:extLst>
              <a:ext uri="{FF2B5EF4-FFF2-40B4-BE49-F238E27FC236}">
                <a16:creationId xmlns:a16="http://schemas.microsoft.com/office/drawing/2014/main" id="{3C6760C0-C183-51D8-47A7-FE16FC39EFB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4144167" y="1228099"/>
            <a:ext cx="188220" cy="31370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7" name="Flowchart: Decision 39">
            <a:extLst>
              <a:ext uri="{FF2B5EF4-FFF2-40B4-BE49-F238E27FC236}">
                <a16:creationId xmlns:a16="http://schemas.microsoft.com/office/drawing/2014/main" id="{60C9DFA7-BA2E-5A35-E048-CE54B96209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4373717" y="2952921"/>
            <a:ext cx="196331" cy="327219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cxnSp>
        <p:nvCxnSpPr>
          <p:cNvPr id="5" name="Connector: Elbow 4">
            <a:extLst>
              <a:ext uri="{FF2B5EF4-FFF2-40B4-BE49-F238E27FC236}">
                <a16:creationId xmlns:a16="http://schemas.microsoft.com/office/drawing/2014/main" id="{C745DD7B-6B66-C038-0ABF-093CC7C258BC}"/>
              </a:ext>
            </a:extLst>
          </p:cNvPr>
          <p:cNvCxnSpPr>
            <a:cxnSpLocks/>
          </p:cNvCxnSpPr>
          <p:nvPr/>
        </p:nvCxnSpPr>
        <p:spPr>
          <a:xfrm rot="16200000" flipH="1">
            <a:off x="2866677" y="2913399"/>
            <a:ext cx="3664274" cy="921074"/>
          </a:xfrm>
          <a:prstGeom prst="bentConnector3">
            <a:avLst>
              <a:gd name="adj1" fmla="val 99909"/>
            </a:avLst>
          </a:prstGeom>
          <a:ln w="19050"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" name="Connector: Elbow 9">
            <a:extLst>
              <a:ext uri="{FF2B5EF4-FFF2-40B4-BE49-F238E27FC236}">
                <a16:creationId xmlns:a16="http://schemas.microsoft.com/office/drawing/2014/main" id="{45098676-6937-1B02-E216-829067F391BD}"/>
              </a:ext>
            </a:extLst>
          </p:cNvPr>
          <p:cNvCxnSpPr>
            <a:cxnSpLocks/>
          </p:cNvCxnSpPr>
          <p:nvPr/>
        </p:nvCxnSpPr>
        <p:spPr>
          <a:xfrm rot="16200000" flipH="1">
            <a:off x="3852651" y="3899373"/>
            <a:ext cx="1925932" cy="687468"/>
          </a:xfrm>
          <a:prstGeom prst="bentConnector3">
            <a:avLst>
              <a:gd name="adj1" fmla="val 99904"/>
            </a:avLst>
          </a:prstGeom>
          <a:ln w="19050"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3" name="Connector: Elbow 22">
            <a:extLst>
              <a:ext uri="{FF2B5EF4-FFF2-40B4-BE49-F238E27FC236}">
                <a16:creationId xmlns:a16="http://schemas.microsoft.com/office/drawing/2014/main" id="{B26E0625-B1CB-BDAE-52FC-085F1AD4147D}"/>
              </a:ext>
            </a:extLst>
          </p:cNvPr>
          <p:cNvCxnSpPr>
            <a:cxnSpLocks/>
          </p:cNvCxnSpPr>
          <p:nvPr/>
        </p:nvCxnSpPr>
        <p:spPr>
          <a:xfrm>
            <a:off x="6794593" y="1895545"/>
            <a:ext cx="420490" cy="213582"/>
          </a:xfrm>
          <a:prstGeom prst="bentConnector3">
            <a:avLst>
              <a:gd name="adj1" fmla="val 794"/>
            </a:avLst>
          </a:prstGeom>
          <a:ln w="12700"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9" name="Connector: Elbow 38">
            <a:extLst>
              <a:ext uri="{FF2B5EF4-FFF2-40B4-BE49-F238E27FC236}">
                <a16:creationId xmlns:a16="http://schemas.microsoft.com/office/drawing/2014/main" id="{FB7D984F-87C1-B99C-F8DA-CBD0A8856E24}"/>
              </a:ext>
            </a:extLst>
          </p:cNvPr>
          <p:cNvCxnSpPr>
            <a:cxnSpLocks/>
          </p:cNvCxnSpPr>
          <p:nvPr/>
        </p:nvCxnSpPr>
        <p:spPr>
          <a:xfrm>
            <a:off x="7848044" y="2228155"/>
            <a:ext cx="420490" cy="213582"/>
          </a:xfrm>
          <a:prstGeom prst="bentConnector3">
            <a:avLst>
              <a:gd name="adj1" fmla="val 794"/>
            </a:avLst>
          </a:prstGeom>
          <a:ln w="12700"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9128129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 hidden="1">
            <a:extLst>
              <a:ext uri="{FF2B5EF4-FFF2-40B4-BE49-F238E27FC236}">
                <a16:creationId xmlns:a16="http://schemas.microsoft.com/office/drawing/2014/main" id="{C4DB3ABD-DBC5-457C-BA8E-704F98CDA6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lide Title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2895600" y="1981201"/>
            <a:ext cx="21336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Task bars (length = duration)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049440" y="1981201"/>
            <a:ext cx="16579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Milestones</a:t>
            </a:r>
          </a:p>
        </p:txBody>
      </p:sp>
      <p:grpSp>
        <p:nvGrpSpPr>
          <p:cNvPr id="2" name="Group 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1800" y="2362200"/>
            <a:ext cx="3657600" cy="204652"/>
            <a:chOff x="2157548" y="2233748"/>
            <a:chExt cx="3709852" cy="204652"/>
          </a:xfrm>
        </p:grpSpPr>
        <p:sp>
          <p:nvSpPr>
            <p:cNvPr id="3" name="Rounded Rectangle 2"/>
            <p:cNvSpPr/>
            <p:nvPr/>
          </p:nvSpPr>
          <p:spPr>
            <a:xfrm>
              <a:off x="2157548" y="2233748"/>
              <a:ext cx="3709852" cy="204652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4" name="Rounded Rectangle 3"/>
            <p:cNvSpPr/>
            <p:nvPr/>
          </p:nvSpPr>
          <p:spPr>
            <a:xfrm>
              <a:off x="2207622" y="2259874"/>
              <a:ext cx="3630168" cy="152400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8" name="Flowchart: Decision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286000"/>
            <a:ext cx="228600" cy="38100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/>
          </a:p>
        </p:txBody>
      </p:sp>
      <p:grpSp>
        <p:nvGrpSpPr>
          <p:cNvPr id="5" name="Group 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3978" y="2706189"/>
            <a:ext cx="3657600" cy="228600"/>
            <a:chOff x="2159726" y="2577737"/>
            <a:chExt cx="1737360" cy="228600"/>
          </a:xfrm>
        </p:grpSpPr>
        <p:sp>
          <p:nvSpPr>
            <p:cNvPr id="6" name="Rounded Rectangle 5"/>
            <p:cNvSpPr/>
            <p:nvPr/>
          </p:nvSpPr>
          <p:spPr>
            <a:xfrm>
              <a:off x="2159726" y="2577737"/>
              <a:ext cx="1737360" cy="2286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Arial Narrow" pitchFamily="112" charset="0"/>
              </a:endParaRPr>
            </a:p>
          </p:txBody>
        </p:sp>
        <p:sp>
          <p:nvSpPr>
            <p:cNvPr id="7" name="Rounded Rectangle 6"/>
            <p:cNvSpPr/>
            <p:nvPr/>
          </p:nvSpPr>
          <p:spPr>
            <a:xfrm>
              <a:off x="2188439" y="2603863"/>
              <a:ext cx="1693926" cy="1524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18" name="Flowchart: Decision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895600"/>
            <a:ext cx="228600" cy="381000"/>
          </a:xfrm>
          <a:prstGeom prst="flowChartDecision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/>
          </a:p>
        </p:txBody>
      </p:sp>
      <p:sp>
        <p:nvSpPr>
          <p:cNvPr id="23" name="Rounded Rectangle 2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21169" y="3531326"/>
            <a:ext cx="3579038" cy="152400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2" name="Rounded Rectangle 2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1800" y="3505200"/>
            <a:ext cx="3657600" cy="204652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Arial Narrow" pitchFamily="112" charset="0"/>
            </a:endParaRPr>
          </a:p>
        </p:txBody>
      </p:sp>
      <p:sp>
        <p:nvSpPr>
          <p:cNvPr id="19" name="Flowchart: Decision 18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3505200"/>
            <a:ext cx="228600" cy="381000"/>
          </a:xfrm>
          <a:prstGeom prst="flowChartDecision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/>
          </a:p>
        </p:txBody>
      </p:sp>
      <p:sp>
        <p:nvSpPr>
          <p:cNvPr id="25" name="Rounded Rectangle 2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3978" y="3849189"/>
            <a:ext cx="3657600" cy="2286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Arial Narrow" pitchFamily="112" charset="0"/>
            </a:endParaRPr>
          </a:p>
        </p:txBody>
      </p:sp>
      <p:sp>
        <p:nvSpPr>
          <p:cNvPr id="26" name="Rounded Rectangle 2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34426" y="3875315"/>
            <a:ext cx="3566160" cy="1524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0" name="TextBox 19"/>
          <p:cNvSpPr txBox="1"/>
          <p:nvPr/>
        </p:nvSpPr>
        <p:spPr>
          <a:xfrm>
            <a:off x="2971800" y="4267201"/>
            <a:ext cx="4038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/>
              <a:t>To change the length of the duration bars go to Format/Size (on far right). For  extreme length changes, ungroup the duration bars and scale the highlight independently.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Candara">
      <a:maj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56599548_Two year Gantt chart_RVA_v3" id="{F85BDF4A-73C5-4866-A8D7-C1D0B2E05E59}" vid="{80316FB1-8AFD-4E6E-9D35-85A55E2401F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291512c1ee715ab617f4c07df79fc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8256c27c40ca5c40ce1cf6c44f0205df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Props1.xml><?xml version="1.0" encoding="utf-8"?>
<ds:datastoreItem xmlns:ds="http://schemas.openxmlformats.org/officeDocument/2006/customXml" ds:itemID="{8ED7A0B2-0609-46B6-BA8B-3FB166A11F48}">
  <ds:schemaRefs>
    <ds:schemaRef ds:uri="16c05727-aa75-4e4a-9b5f-8a80a1165891"/>
    <ds:schemaRef ds:uri="71af3243-3dd4-4a8d-8c0d-dd76da1f02a5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2266524A-5DB6-4A8F-86BF-76891CCAE18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5F049A10-EF1C-4CC0-B89A-BAD441EEC40A}">
  <ds:schemaRefs>
    <ds:schemaRef ds:uri="71af3243-3dd4-4a8d-8c0d-dd76da1f02a5"/>
    <ds:schemaRef ds:uri="http://schemas.microsoft.com/office/2006/metadata/properties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wo year Gantt chart</Template>
  <TotalTime>20</TotalTime>
  <Words>370</Words>
  <Application>Microsoft Office PowerPoint</Application>
  <PresentationFormat>Widescreen</PresentationFormat>
  <Paragraphs>12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9" baseType="lpstr">
      <vt:lpstr>Arial</vt:lpstr>
      <vt:lpstr>Arial Narrow</vt:lpstr>
      <vt:lpstr>Calibri</vt:lpstr>
      <vt:lpstr>Candara</vt:lpstr>
      <vt:lpstr>Tahoma</vt:lpstr>
      <vt:lpstr>Office Theme</vt:lpstr>
      <vt:lpstr>PowerPoint Presentation</vt:lpstr>
      <vt:lpstr>PowerPoint Presentation</vt:lpstr>
      <vt:lpstr>Slide Title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Jeremy Zhang</dc:creator>
  <cp:keywords/>
  <dc:description/>
  <cp:lastModifiedBy>Jeremy Zhang</cp:lastModifiedBy>
  <cp:revision>4</cp:revision>
  <dcterms:created xsi:type="dcterms:W3CDTF">2023-02-20T16:33:47Z</dcterms:created>
  <dcterms:modified xsi:type="dcterms:W3CDTF">2023-03-23T16:41:18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